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A9CF5C18-608B-4B37-ACDA-E08F24EB961F}" xr6:coauthVersionLast="36" xr6:coauthVersionMax="47" xr10:uidLastSave="{00000000-0000-0000-0000-000000000000}"/>
  <bookViews>
    <workbookView xWindow="1125" yWindow="1125" windowWidth="23670" windowHeight="12750" xr2:uid="{00000000-000D-0000-FFFF-FFFF00000000}"/>
  </bookViews>
  <sheets>
    <sheet name="ChargeTabl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3" uniqueCount="22">
  <si>
    <t>ID</t>
  </si>
  <si>
    <t>Name</t>
  </si>
  <si>
    <t>Group0</t>
  </si>
  <si>
    <t>Group1</t>
  </si>
  <si>
    <t>Group2</t>
  </si>
  <si>
    <t>Group3</t>
  </si>
  <si>
    <t>Group4</t>
  </si>
  <si>
    <t>Group5</t>
  </si>
  <si>
    <t>Group6</t>
  </si>
  <si>
    <t>Group7</t>
  </si>
  <si>
    <t>Group8</t>
  </si>
  <si>
    <t>Group9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  <si>
    <t>No</t>
  </si>
  <si>
    <t>ForeColor</t>
  </si>
  <si>
    <t>BackCol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CDEA4D36-7E2C-4077-BC2A-2F7FCA09EF38}" name="テーブル1" displayName="テーブル1" ref="A1:E7" totalsRowShown="0">
  <autoFilter ref="A1:E7" xr:uid="{74794C87-D983-4077-BABE-192B5DD4A6A0}"/>
  <tableColumns count="5">
    <tableColumn id="1" xr3:uid="{E0A938B5-86C1-4FE4-8B56-4FCB603EC059}" name="ID"/>
    <tableColumn id="2" xr3:uid="{E6343DD8-C470-4E93-9246-31B5C33690C6}" name="TERMINATOR"/>
    <tableColumn id="3" xr3:uid="{37E4D4E3-FFDE-462D-A55A-F9F966115B5E}" name="MAX_LENGTH"/>
    <tableColumn id="4" xr3:uid="{E2465D08-A022-4697-81EA-38D71E4EFF26}" name="SOURCE"/>
    <tableColumn id="5" xr3:uid="{0914E875-9624-42E2-910A-9EBC172559B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"/>
  <sheetViews>
    <sheetView tabSelected="1" workbookViewId="0">
      <selection activeCell="G11" sqref="G11"/>
    </sheetView>
  </sheetViews>
  <sheetFormatPr defaultRowHeight="18.75" x14ac:dyDescent="0.4"/>
  <sheetData>
    <row r="1" spans="1:12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7"/>
  <sheetViews>
    <sheetView workbookViewId="0">
      <selection sqref="A1:E7"/>
    </sheetView>
  </sheetViews>
  <sheetFormatPr defaultRowHeight="18.75" x14ac:dyDescent="0.4"/>
  <sheetData>
    <row r="1" spans="1:5" x14ac:dyDescent="0.4">
      <c r="A1" t="s">
        <v>12</v>
      </c>
      <c r="B1" t="s">
        <v>13</v>
      </c>
      <c r="C1" t="s">
        <v>14</v>
      </c>
      <c r="D1" t="s">
        <v>15</v>
      </c>
      <c r="E1" t="s">
        <v>16</v>
      </c>
    </row>
    <row r="2" spans="1:5" x14ac:dyDescent="0.4">
      <c r="A2">
        <v>1</v>
      </c>
      <c r="B2" s="3" t="s">
        <v>17</v>
      </c>
      <c r="C2">
        <v>12</v>
      </c>
      <c r="E2" s="3"/>
    </row>
    <row r="3" spans="1:5" x14ac:dyDescent="0.4">
      <c r="A3">
        <v>2</v>
      </c>
      <c r="B3" s="3" t="s">
        <v>17</v>
      </c>
      <c r="C3">
        <v>12</v>
      </c>
      <c r="E3" s="3"/>
    </row>
    <row r="4" spans="1:5" x14ac:dyDescent="0.4">
      <c r="A4">
        <v>3</v>
      </c>
      <c r="B4" s="3" t="s">
        <v>18</v>
      </c>
      <c r="C4">
        <v>12</v>
      </c>
      <c r="E4" s="3"/>
    </row>
    <row r="5" spans="1:5" x14ac:dyDescent="0.4">
      <c r="B5" s="3"/>
      <c r="D5">
        <v>1</v>
      </c>
      <c r="E5" s="3" t="s">
        <v>19</v>
      </c>
    </row>
    <row r="6" spans="1:5" x14ac:dyDescent="0.4">
      <c r="B6" s="3"/>
      <c r="D6">
        <v>2</v>
      </c>
      <c r="E6" s="3" t="s">
        <v>20</v>
      </c>
    </row>
    <row r="7" spans="1:5" x14ac:dyDescent="0.4">
      <c r="B7" s="3"/>
      <c r="D7">
        <v>3</v>
      </c>
      <c r="E7" s="3" t="s">
        <v>2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hargeTabl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50:46Z</dcterms:created>
  <dcterms:modified xsi:type="dcterms:W3CDTF">2024-02-26T04:25:44Z</dcterms:modified>
</cp:coreProperties>
</file>